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5年度\01_ワーク\"/>
    </mc:Choice>
  </mc:AlternateContent>
  <bookViews>
    <workbookView xWindow="0" yWindow="0" windowWidth="20490" windowHeight="7755"/>
  </bookViews>
  <sheets>
    <sheet name="令和５年6月末" sheetId="1" r:id="rId1"/>
  </sheets>
  <definedNames>
    <definedName name="_xlnm.Print_Area" localSheetId="0">令和５年6月末!$A$1:$O$2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1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皆減</t>
    <rPh sb="0" eb="1">
      <t>ミナ</t>
    </rPh>
    <rPh sb="1" eb="2">
      <t>ゲン</t>
    </rPh>
    <phoneticPr fontId="2"/>
  </si>
  <si>
    <t>令和５年度　県税調定収入状況（令和５年６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0" eb="21">
      <t>ガツ</t>
    </rPh>
    <rPh sb="21" eb="22">
      <t>マツ</t>
    </rPh>
    <rPh sb="22" eb="24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O25" sqref="O25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3"/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</row>
    <row r="2" spans="1:16" s="3" customFormat="1" ht="24" customHeight="1" x14ac:dyDescent="0.15">
      <c r="A2" s="34" t="s">
        <v>30</v>
      </c>
      <c r="B2" s="34"/>
      <c r="C2" s="34"/>
      <c r="D2" s="34"/>
      <c r="E2" s="34"/>
      <c r="F2" s="34"/>
      <c r="G2" s="34"/>
      <c r="H2" s="34"/>
      <c r="I2" s="34"/>
      <c r="J2" s="34"/>
      <c r="K2" s="34"/>
      <c r="L2" s="34"/>
      <c r="M2" s="34"/>
      <c r="N2" s="34"/>
      <c r="O2" s="34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5" t="s">
        <v>1</v>
      </c>
      <c r="B4" s="36"/>
      <c r="C4" s="36"/>
      <c r="D4" s="36"/>
      <c r="E4" s="36"/>
      <c r="F4" s="36"/>
      <c r="G4" s="37"/>
      <c r="H4" s="41" t="s">
        <v>2</v>
      </c>
      <c r="I4" s="42"/>
      <c r="J4" s="42"/>
      <c r="K4" s="43"/>
      <c r="L4" s="41" t="s">
        <v>3</v>
      </c>
      <c r="M4" s="42"/>
      <c r="N4" s="42"/>
      <c r="O4" s="43"/>
    </row>
    <row r="5" spans="1:16" ht="21.75" customHeight="1" x14ac:dyDescent="0.15">
      <c r="A5" s="38"/>
      <c r="B5" s="39"/>
      <c r="C5" s="39"/>
      <c r="D5" s="39"/>
      <c r="E5" s="39"/>
      <c r="F5" s="39"/>
      <c r="G5" s="40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4" t="s">
        <v>8</v>
      </c>
      <c r="C6" s="44"/>
      <c r="D6" s="44"/>
      <c r="E6" s="44"/>
      <c r="F6" s="44"/>
      <c r="G6" s="10"/>
      <c r="H6" s="11">
        <v>159069</v>
      </c>
      <c r="I6" s="11">
        <v>7433</v>
      </c>
      <c r="J6" s="11">
        <v>166502</v>
      </c>
      <c r="K6" s="12">
        <v>102.6</v>
      </c>
      <c r="L6" s="11">
        <v>25291</v>
      </c>
      <c r="M6" s="11">
        <v>800</v>
      </c>
      <c r="N6" s="11">
        <v>26091</v>
      </c>
      <c r="O6" s="12">
        <v>100.4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157874</v>
      </c>
      <c r="I7" s="11">
        <v>7433</v>
      </c>
      <c r="J7" s="11">
        <v>165308</v>
      </c>
      <c r="K7" s="12">
        <v>102.5</v>
      </c>
      <c r="L7" s="11">
        <v>24096</v>
      </c>
      <c r="M7" s="11">
        <v>800</v>
      </c>
      <c r="N7" s="11">
        <v>24897</v>
      </c>
      <c r="O7" s="12">
        <v>99.9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1081</v>
      </c>
      <c r="I8" s="11"/>
      <c r="J8" s="11">
        <v>1081</v>
      </c>
      <c r="K8" s="12">
        <v>111.5</v>
      </c>
      <c r="L8" s="11">
        <v>1081</v>
      </c>
      <c r="M8" s="11"/>
      <c r="N8" s="11">
        <v>1081</v>
      </c>
      <c r="O8" s="12">
        <v>111.5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113</v>
      </c>
      <c r="I9" s="11"/>
      <c r="J9" s="11">
        <v>113</v>
      </c>
      <c r="K9" s="12">
        <v>110.2</v>
      </c>
      <c r="L9" s="11">
        <v>113</v>
      </c>
      <c r="M9" s="11"/>
      <c r="N9" s="11">
        <v>113</v>
      </c>
      <c r="O9" s="12">
        <v>110.2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11350</v>
      </c>
      <c r="I10" s="11">
        <v>165</v>
      </c>
      <c r="J10" s="11">
        <v>11516</v>
      </c>
      <c r="K10" s="12">
        <v>98.9</v>
      </c>
      <c r="L10" s="11">
        <v>11156</v>
      </c>
      <c r="M10" s="11">
        <v>19</v>
      </c>
      <c r="N10" s="11">
        <v>11176</v>
      </c>
      <c r="O10" s="12">
        <v>99.5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252</v>
      </c>
      <c r="I11" s="11"/>
      <c r="J11" s="11">
        <v>252</v>
      </c>
      <c r="K11" s="12">
        <v>82.8</v>
      </c>
      <c r="L11" s="11">
        <v>252</v>
      </c>
      <c r="M11" s="11"/>
      <c r="N11" s="11">
        <v>252</v>
      </c>
      <c r="O11" s="12">
        <v>82.8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172</v>
      </c>
      <c r="I12" s="11">
        <v>494</v>
      </c>
      <c r="J12" s="11">
        <v>666</v>
      </c>
      <c r="K12" s="12">
        <v>122.4</v>
      </c>
      <c r="L12" s="11">
        <v>134</v>
      </c>
      <c r="M12" s="11">
        <v>43</v>
      </c>
      <c r="N12" s="11">
        <v>178</v>
      </c>
      <c r="O12" s="12">
        <v>108.3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165922</v>
      </c>
      <c r="I13" s="11">
        <v>1150</v>
      </c>
      <c r="J13" s="11">
        <v>167072</v>
      </c>
      <c r="K13" s="12">
        <v>107.9</v>
      </c>
      <c r="L13" s="11">
        <v>165433</v>
      </c>
      <c r="M13" s="11">
        <v>120</v>
      </c>
      <c r="N13" s="11">
        <v>165554</v>
      </c>
      <c r="O13" s="12">
        <v>108.4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47971</v>
      </c>
      <c r="I14" s="11"/>
      <c r="J14" s="11">
        <v>47971</v>
      </c>
      <c r="K14" s="12">
        <v>99.1</v>
      </c>
      <c r="L14" s="11">
        <v>47971</v>
      </c>
      <c r="M14" s="11"/>
      <c r="N14" s="11">
        <v>47971</v>
      </c>
      <c r="O14" s="12">
        <v>99.1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8650</v>
      </c>
      <c r="I15" s="11">
        <v>1109</v>
      </c>
      <c r="J15" s="11">
        <v>9759</v>
      </c>
      <c r="K15" s="12">
        <v>124.8</v>
      </c>
      <c r="L15" s="11">
        <v>6864</v>
      </c>
      <c r="M15" s="11">
        <v>56</v>
      </c>
      <c r="N15" s="11">
        <v>6920</v>
      </c>
      <c r="O15" s="12">
        <v>132.9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2490</v>
      </c>
      <c r="I16" s="11"/>
      <c r="J16" s="11">
        <v>2490</v>
      </c>
      <c r="K16" s="12">
        <v>101.7</v>
      </c>
      <c r="L16" s="11">
        <v>2490</v>
      </c>
      <c r="M16" s="11"/>
      <c r="N16" s="11">
        <v>2490</v>
      </c>
      <c r="O16" s="12">
        <v>101.7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409</v>
      </c>
      <c r="I17" s="11"/>
      <c r="J17" s="11">
        <v>409</v>
      </c>
      <c r="K17" s="12">
        <v>96.6</v>
      </c>
      <c r="L17" s="11">
        <v>409</v>
      </c>
      <c r="M17" s="11"/>
      <c r="N17" s="11">
        <v>409</v>
      </c>
      <c r="O17" s="12">
        <v>96.6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9503</v>
      </c>
      <c r="I18" s="11">
        <v>1538</v>
      </c>
      <c r="J18" s="11">
        <v>11042</v>
      </c>
      <c r="K18" s="12">
        <v>99.6</v>
      </c>
      <c r="L18" s="11">
        <v>3354</v>
      </c>
      <c r="M18" s="11">
        <v>1538</v>
      </c>
      <c r="N18" s="11">
        <v>4893</v>
      </c>
      <c r="O18" s="12">
        <v>95.8</v>
      </c>
      <c r="P18" s="13"/>
    </row>
    <row r="19" spans="1:16" s="14" customFormat="1" ht="21.75" customHeight="1" x14ac:dyDescent="0.15">
      <c r="A19" s="15"/>
      <c r="B19" s="31" t="s">
        <v>21</v>
      </c>
      <c r="C19" s="31"/>
      <c r="D19" s="18"/>
      <c r="E19" s="19"/>
      <c r="F19" s="20" t="s">
        <v>22</v>
      </c>
      <c r="G19" s="10"/>
      <c r="H19" s="11">
        <v>2144</v>
      </c>
      <c r="I19" s="11">
        <v>0</v>
      </c>
      <c r="J19" s="11">
        <v>2144</v>
      </c>
      <c r="K19" s="21">
        <v>111.2</v>
      </c>
      <c r="L19" s="11">
        <v>2066</v>
      </c>
      <c r="M19" s="11">
        <v>0</v>
      </c>
      <c r="N19" s="11">
        <v>2066</v>
      </c>
      <c r="O19" s="21">
        <v>111.1</v>
      </c>
      <c r="P19" s="13"/>
    </row>
    <row r="20" spans="1:16" s="14" customFormat="1" ht="21.75" customHeight="1" x14ac:dyDescent="0.15">
      <c r="A20" s="17"/>
      <c r="B20" s="32"/>
      <c r="C20" s="32"/>
      <c r="D20" s="22"/>
      <c r="E20" s="23"/>
      <c r="F20" s="24" t="s">
        <v>23</v>
      </c>
      <c r="G20" s="10"/>
      <c r="H20" s="11">
        <v>88685</v>
      </c>
      <c r="I20" s="11">
        <v>438</v>
      </c>
      <c r="J20" s="11">
        <v>89123</v>
      </c>
      <c r="K20" s="12">
        <v>99.1</v>
      </c>
      <c r="L20" s="11">
        <v>80886</v>
      </c>
      <c r="M20" s="11">
        <v>45</v>
      </c>
      <c r="N20" s="11">
        <v>80931</v>
      </c>
      <c r="O20" s="12">
        <v>98.2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/>
      <c r="I21" s="11"/>
      <c r="J21" s="11"/>
      <c r="K21" s="29" t="s">
        <v>29</v>
      </c>
      <c r="L21" s="11"/>
      <c r="M21" s="11"/>
      <c r="N21" s="11"/>
      <c r="O21" s="29" t="s">
        <v>29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/>
      <c r="I22" s="11">
        <v>148</v>
      </c>
      <c r="J22" s="11">
        <v>148</v>
      </c>
      <c r="K22" s="25">
        <v>59.3</v>
      </c>
      <c r="L22" s="26"/>
      <c r="M22" s="26">
        <v>5</v>
      </c>
      <c r="N22" s="26">
        <v>5</v>
      </c>
      <c r="O22" s="25">
        <v>57.6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/>
      <c r="I23" s="11"/>
      <c r="J23" s="11"/>
      <c r="K23" s="29" t="s">
        <v>29</v>
      </c>
      <c r="L23" s="11"/>
      <c r="M23" s="11"/>
      <c r="N23" s="11"/>
      <c r="O23" s="21"/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496623</v>
      </c>
      <c r="I24" s="11">
        <v>12478</v>
      </c>
      <c r="J24" s="11">
        <v>509102</v>
      </c>
      <c r="K24" s="12">
        <v>103.5</v>
      </c>
      <c r="L24" s="11">
        <v>346311</v>
      </c>
      <c r="M24" s="11">
        <v>2629</v>
      </c>
      <c r="N24" s="11">
        <v>348941</v>
      </c>
      <c r="O24" s="12">
        <v>103.8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５年6月末</vt:lpstr>
      <vt:lpstr>令和５年6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6-16T08:06:20Z</cp:lastPrinted>
  <dcterms:created xsi:type="dcterms:W3CDTF">2021-03-24T00:17:43Z</dcterms:created>
  <dcterms:modified xsi:type="dcterms:W3CDTF">2023-07-13T00:35:32Z</dcterms:modified>
</cp:coreProperties>
</file>